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s compétences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mpé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ès à un expert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Mauvais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Utilisation de package ‘open source ’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mpétition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Mauvais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vers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Accès à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9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9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/>
              <a:t>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85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85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1172731708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10</TotalTime>
  <Words>498</Words>
  <Application>Microsoft Office PowerPoint</Application>
  <PresentationFormat>Grand écran</PresentationFormat>
  <Paragraphs>166</Paragraphs>
  <Slides>14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54</cp:revision>
  <dcterms:created xsi:type="dcterms:W3CDTF">2019-11-20T07:40:40Z</dcterms:created>
  <dcterms:modified xsi:type="dcterms:W3CDTF">2019-12-09T09:50:52Z</dcterms:modified>
</cp:coreProperties>
</file>